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③一般競争入札\3.告示起案（業務委託　２項目以上）\★告示用\210【岩田】\"/>
    </mc:Choice>
  </mc:AlternateContent>
  <xr:revisionPtr revIDLastSave="0" documentId="8_{03C1713B-53EA-4F00-8358-F28FE30FB401}" xr6:coauthVersionLast="47" xr6:coauthVersionMax="47" xr10:uidLastSave="{00000000-0000-0000-0000-000000000000}"/>
  <bookViews>
    <workbookView xWindow="390" yWindow="390" windowWidth="19680" windowHeight="15405" xr2:uid="{C5EFD515-78C1-449C-B505-D9208B21B5F4}"/>
  </bookViews>
  <sheets>
    <sheet name="21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10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73" uniqueCount="38">
  <si>
    <t>名称№２１０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地下鉄客室シートクリーニング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南北線車両</t>
  </si>
  <si>
    <t>種別 1 A　一般席シート（3人掛け）</t>
  </si>
  <si>
    <t>本</t>
  </si>
  <si>
    <t>種別 1 B　一般席シート（3人掛け）</t>
  </si>
  <si>
    <t>種別 2 A　専用席シート（3人掛け）</t>
  </si>
  <si>
    <t>種別 2 B　専用席シート（3人掛け）</t>
  </si>
  <si>
    <t>東西線車両</t>
  </si>
  <si>
    <t>種別 1 A　一般席シート（5人掛け）</t>
  </si>
  <si>
    <t>種別 1 B　一般席シート（5人掛け）</t>
  </si>
  <si>
    <t>種別 2 A　一般席シート（4人掛け）</t>
  </si>
  <si>
    <t>種別 2 B　一般席シート（4人掛け）</t>
  </si>
  <si>
    <t>種別 3 A　専用席シート（4人掛け）</t>
  </si>
  <si>
    <t>種別 3 B　専用席シート（4人掛け）</t>
  </si>
  <si>
    <t>東豊線車両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8">
      <t>シバ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0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D027B097-F5C2-493E-A58A-F1CA66336795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3721;&#30000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/112&#22865;&#32004;&#20418;/&#9670;&#21336;&#20385;&#22865;&#32004;/R8/&#9314;&#19968;&#33324;&#31478;&#20105;&#20837;&#26413;/3.&#21578;&#31034;&#36215;&#26696;&#65288;&#26989;&#21209;&#22996;&#35351;&#12288;&#65298;&#38917;&#30446;&#20197;&#19978;&#65289;/&#23721;&#30000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380578-FB1F-48AE-B9FC-7B239BF2C931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D24" sqref="D24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75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90</v>
      </c>
      <c r="G10" s="38"/>
      <c r="H10" s="33"/>
    </row>
    <row r="11" spans="1:10" ht="24.95" customHeight="1" x14ac:dyDescent="0.15">
      <c r="A11" s="26">
        <v>1</v>
      </c>
      <c r="B11" s="34" t="s">
        <v>12</v>
      </c>
      <c r="C11" s="35">
        <v>3</v>
      </c>
      <c r="D11" s="36" t="s">
        <v>16</v>
      </c>
      <c r="E11" s="37" t="s">
        <v>14</v>
      </c>
      <c r="F11" s="31">
        <v>10</v>
      </c>
      <c r="G11" s="38"/>
      <c r="H11" s="33"/>
    </row>
    <row r="12" spans="1:10" ht="24.95" customHeight="1" x14ac:dyDescent="0.15">
      <c r="A12" s="26">
        <v>1</v>
      </c>
      <c r="B12" s="34" t="s">
        <v>12</v>
      </c>
      <c r="C12" s="35">
        <v>4</v>
      </c>
      <c r="D12" s="36" t="s">
        <v>17</v>
      </c>
      <c r="E12" s="37" t="s">
        <v>14</v>
      </c>
      <c r="F12" s="31">
        <v>10</v>
      </c>
      <c r="G12" s="38"/>
      <c r="H12" s="33"/>
    </row>
    <row r="13" spans="1:10" ht="24.95" customHeight="1" x14ac:dyDescent="0.15">
      <c r="A13" s="39">
        <v>2</v>
      </c>
      <c r="B13" s="40" t="s">
        <v>18</v>
      </c>
      <c r="C13" s="39">
        <v>1</v>
      </c>
      <c r="D13" s="41" t="s">
        <v>19</v>
      </c>
      <c r="E13" s="42" t="s">
        <v>14</v>
      </c>
      <c r="F13" s="43">
        <v>15</v>
      </c>
      <c r="G13" s="44"/>
      <c r="H13" s="45"/>
    </row>
    <row r="14" spans="1:10" ht="24.95" customHeight="1" x14ac:dyDescent="0.15">
      <c r="A14" s="26">
        <v>2</v>
      </c>
      <c r="B14" s="46" t="s">
        <v>18</v>
      </c>
      <c r="C14" s="26">
        <v>2</v>
      </c>
      <c r="D14" s="47" t="s">
        <v>20</v>
      </c>
      <c r="E14" s="48" t="s">
        <v>14</v>
      </c>
      <c r="F14" s="49">
        <v>40</v>
      </c>
      <c r="G14" s="50"/>
      <c r="H14" s="51"/>
    </row>
    <row r="15" spans="1:10" ht="24.95" customHeight="1" x14ac:dyDescent="0.15">
      <c r="A15" s="26">
        <v>2</v>
      </c>
      <c r="B15" s="34" t="s">
        <v>18</v>
      </c>
      <c r="C15" s="35">
        <v>3</v>
      </c>
      <c r="D15" s="36" t="s">
        <v>21</v>
      </c>
      <c r="E15" s="37" t="s">
        <v>14</v>
      </c>
      <c r="F15" s="31">
        <v>15</v>
      </c>
      <c r="G15" s="52"/>
      <c r="H15" s="33"/>
    </row>
    <row r="16" spans="1:10" ht="24.95" customHeight="1" x14ac:dyDescent="0.15">
      <c r="A16" s="26">
        <v>2</v>
      </c>
      <c r="B16" s="34" t="s">
        <v>18</v>
      </c>
      <c r="C16" s="35">
        <v>4</v>
      </c>
      <c r="D16" s="36" t="s">
        <v>22</v>
      </c>
      <c r="E16" s="37" t="s">
        <v>14</v>
      </c>
      <c r="F16" s="31">
        <v>60</v>
      </c>
      <c r="G16" s="38"/>
      <c r="H16" s="33"/>
    </row>
    <row r="17" spans="1:8" ht="24.95" customHeight="1" x14ac:dyDescent="0.15">
      <c r="A17" s="26">
        <v>2</v>
      </c>
      <c r="B17" s="34" t="s">
        <v>18</v>
      </c>
      <c r="C17" s="35">
        <v>5</v>
      </c>
      <c r="D17" s="36" t="s">
        <v>23</v>
      </c>
      <c r="E17" s="37" t="s">
        <v>14</v>
      </c>
      <c r="F17" s="31">
        <v>10</v>
      </c>
      <c r="G17" s="38"/>
      <c r="H17" s="33"/>
    </row>
    <row r="18" spans="1:8" ht="24.95" customHeight="1" x14ac:dyDescent="0.15">
      <c r="A18" s="39">
        <v>2</v>
      </c>
      <c r="B18" s="40" t="s">
        <v>18</v>
      </c>
      <c r="C18" s="39">
        <v>6</v>
      </c>
      <c r="D18" s="41" t="s">
        <v>24</v>
      </c>
      <c r="E18" s="42" t="s">
        <v>14</v>
      </c>
      <c r="F18" s="43">
        <v>20</v>
      </c>
      <c r="G18" s="53"/>
      <c r="H18" s="45"/>
    </row>
    <row r="19" spans="1:8" ht="24.95" customHeight="1" x14ac:dyDescent="0.15">
      <c r="A19" s="26">
        <v>3</v>
      </c>
      <c r="B19" s="46" t="s">
        <v>25</v>
      </c>
      <c r="C19" s="26">
        <v>1</v>
      </c>
      <c r="D19" s="47" t="s">
        <v>13</v>
      </c>
      <c r="E19" s="48" t="s">
        <v>14</v>
      </c>
      <c r="F19" s="49">
        <v>16</v>
      </c>
      <c r="G19" s="52"/>
      <c r="H19" s="51"/>
    </row>
    <row r="20" spans="1:8" ht="24.95" customHeight="1" x14ac:dyDescent="0.15">
      <c r="A20" s="26">
        <v>3</v>
      </c>
      <c r="B20" s="34" t="s">
        <v>25</v>
      </c>
      <c r="C20" s="35">
        <v>2</v>
      </c>
      <c r="D20" s="36" t="s">
        <v>15</v>
      </c>
      <c r="E20" s="37" t="s">
        <v>14</v>
      </c>
      <c r="F20" s="31">
        <v>17</v>
      </c>
      <c r="G20" s="38"/>
      <c r="H20" s="33"/>
    </row>
    <row r="21" spans="1:8" ht="24.95" customHeight="1" x14ac:dyDescent="0.15">
      <c r="A21" s="26">
        <v>3</v>
      </c>
      <c r="B21" s="34" t="s">
        <v>25</v>
      </c>
      <c r="C21" s="35">
        <v>3</v>
      </c>
      <c r="D21" s="36" t="s">
        <v>21</v>
      </c>
      <c r="E21" s="37" t="s">
        <v>14</v>
      </c>
      <c r="F21" s="31">
        <v>1</v>
      </c>
      <c r="G21" s="38"/>
      <c r="H21" s="33"/>
    </row>
    <row r="22" spans="1:8" ht="24.95" customHeight="1" x14ac:dyDescent="0.15">
      <c r="A22" s="26">
        <v>3</v>
      </c>
      <c r="B22" s="34" t="s">
        <v>25</v>
      </c>
      <c r="C22" s="35">
        <v>4</v>
      </c>
      <c r="D22" s="36" t="s">
        <v>22</v>
      </c>
      <c r="E22" s="37" t="s">
        <v>14</v>
      </c>
      <c r="F22" s="31">
        <v>2</v>
      </c>
      <c r="G22" s="38"/>
      <c r="H22" s="33"/>
    </row>
    <row r="23" spans="1:8" ht="24.95" customHeight="1" x14ac:dyDescent="0.15">
      <c r="A23" s="39">
        <v>3</v>
      </c>
      <c r="B23" s="40" t="s">
        <v>25</v>
      </c>
      <c r="C23" s="39">
        <v>5</v>
      </c>
      <c r="D23" s="41" t="s">
        <v>23</v>
      </c>
      <c r="E23" s="42" t="s">
        <v>14</v>
      </c>
      <c r="F23" s="43">
        <v>6</v>
      </c>
      <c r="G23" s="54"/>
      <c r="H23" s="45"/>
    </row>
    <row r="24" spans="1:8" ht="24.95" customHeight="1" x14ac:dyDescent="0.15">
      <c r="A24" s="26">
        <v>3</v>
      </c>
      <c r="B24" s="46" t="s">
        <v>25</v>
      </c>
      <c r="C24" s="26">
        <v>6</v>
      </c>
      <c r="D24" s="47" t="s">
        <v>24</v>
      </c>
      <c r="E24" s="55" t="s">
        <v>14</v>
      </c>
      <c r="F24" s="49">
        <v>6</v>
      </c>
      <c r="G24" s="52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5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2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38"/>
      <c r="H38" s="33"/>
    </row>
    <row r="39" spans="1:8" ht="24.95" customHeight="1" thickBot="1" x14ac:dyDescent="0.2">
      <c r="A39" s="60" t="s">
        <v>26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7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8</v>
      </c>
      <c r="H42" s="65"/>
    </row>
    <row r="43" spans="1:8" ht="20.100000000000001" customHeight="1" x14ac:dyDescent="0.15">
      <c r="A43" s="65"/>
      <c r="B43" s="65" t="s">
        <v>29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30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31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32</v>
      </c>
      <c r="E46" s="65"/>
      <c r="F46" s="65"/>
      <c r="G46" s="65"/>
      <c r="H46" s="66" t="s">
        <v>33</v>
      </c>
    </row>
    <row r="47" spans="1:8" ht="20.100000000000001" customHeight="1" x14ac:dyDescent="0.15">
      <c r="A47" s="65"/>
      <c r="B47" s="65"/>
      <c r="C47" s="65"/>
      <c r="D47" s="66" t="s">
        <v>34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35</v>
      </c>
      <c r="E49" s="65"/>
      <c r="F49" s="68"/>
      <c r="G49" s="65"/>
      <c r="H49" s="66" t="s">
        <v>33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36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7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3" stopIfTrue="1">
      <formula>ISERROR(B9)</formula>
    </cfRule>
  </conditionalFormatting>
  <conditionalFormatting sqref="B9:G38">
    <cfRule type="expression" dxfId="1" priority="1" stopIfTrue="1">
      <formula>ISERROR(B9)</formula>
    </cfRule>
  </conditionalFormatting>
  <conditionalFormatting sqref="H9:H39">
    <cfRule type="expression" dxfId="0" priority="2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0</vt:lpstr>
      <vt:lpstr>'21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田 篤史</dc:creator>
  <cp:lastModifiedBy>岩田 篤史</cp:lastModifiedBy>
  <dcterms:created xsi:type="dcterms:W3CDTF">2026-02-10T10:03:42Z</dcterms:created>
  <dcterms:modified xsi:type="dcterms:W3CDTF">2026-02-10T10:04:11Z</dcterms:modified>
</cp:coreProperties>
</file>